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 defaultThemeVersion="166925"/>
  <mc:AlternateContent xmlns:mc="http://schemas.openxmlformats.org/markup-compatibility/2006">
    <mc:Choice Requires="x15">
      <x15ac:absPath xmlns:x15ac="http://schemas.microsoft.com/office/spreadsheetml/2010/11/ac" url="\\s2022\zamowienia\Dział Organizacyjno Prawny\ZAMÓWIENIA PUBLICZNE\ZPU 2024\ZPU 44-2024 - materiały eksploatacyjne do drukarek\"/>
    </mc:Choice>
  </mc:AlternateContent>
  <xr:revisionPtr revIDLastSave="0" documentId="8_{DDE2E289-C3B9-4F74-A54C-140BD7E60439}" xr6:coauthVersionLast="47" xr6:coauthVersionMax="47" xr10:uidLastSave="{00000000-0000-0000-0000-000000000000}"/>
  <bookViews>
    <workbookView xWindow="-110" yWindow="-110" windowWidth="38620" windowHeight="21100" xr2:uid="{7A64F40B-52A2-4255-9469-06C2DFFC2757}"/>
  </bookViews>
  <sheets>
    <sheet name="maj2024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6" uniqueCount="46">
  <si>
    <t>Załacznik nr 1 do wniosku</t>
  </si>
  <si>
    <t>Lp.</t>
  </si>
  <si>
    <t>Przedmiot zamówienia</t>
  </si>
  <si>
    <t>Ilość [sztuk]</t>
  </si>
  <si>
    <t>1.</t>
  </si>
  <si>
    <t>HP 32A (CF232A) Bęben do drukarki HP LaserJetPro M203dn - produkt oryginalny</t>
  </si>
  <si>
    <t>2.</t>
  </si>
  <si>
    <t>HP 17A - CF217A - toner do drukarki HP LaserJet Pro M102a - wydajność przy pokryciu 5% 1600 kopii - produkt oryginalny</t>
  </si>
  <si>
    <t>3.</t>
  </si>
  <si>
    <t>HP 30X CF230X - toner do drukarki HP LaserJet Pro M203dn - wydajność przy pokryciu 5% 3500 kopii - produkt oryginalny</t>
  </si>
  <si>
    <t>4.</t>
  </si>
  <si>
    <t>HP 44A - CF244A toner czarny do drukarki HP LaserJet pro M15a - wydajność przy pokryciu 5% 1000 kopii - produkt oryginalny</t>
  </si>
  <si>
    <t>5.</t>
  </si>
  <si>
    <t>HP 78A - CE278A toner do drukarki LaserJet Pro P1606dn - wydajność przy pokryciu 5% 2100 kopii - produkt oryginalny</t>
  </si>
  <si>
    <t>6.</t>
  </si>
  <si>
    <t>HP 85A - CE285A toner czarny do drukarki HP 1102W - wydajność przy pokryciu 5% 1600 kopii - produkt oryginalny</t>
  </si>
  <si>
    <t>7.</t>
  </si>
  <si>
    <t>IM C2000-2500 - toner cyan - wydajność przy pokryciu 5% 10 500 kopii - produkt oryginalny</t>
  </si>
  <si>
    <t>8.</t>
  </si>
  <si>
    <t>IM C2000-2500 - toner czarny - wydajność przy pokryciu 5% 16 500 kopii - produkt oryginalny</t>
  </si>
  <si>
    <t>9.</t>
  </si>
  <si>
    <t>IM C2000-2500 - toner magenta- wydajność przy pokryciu 5% 10 500 kopii - produkt oryginalny</t>
  </si>
  <si>
    <t>10.</t>
  </si>
  <si>
    <t>IM C2000-2500 - toner yellow - wydajnośc przy pokryciy 5% 10 500 kopii - pordukt oryginalny</t>
  </si>
  <si>
    <t>11.</t>
  </si>
  <si>
    <t>Lexmark B222X00 toner o zwiększonej wydajności do drukarki Lexmark B2236dw - wydajność przy pokryciu 5% 6000 kopii - produkt oryginalny</t>
  </si>
  <si>
    <t>12.</t>
  </si>
  <si>
    <t>Lexmark B220Z00 Moduł obrazujący — czarny produkt oryginalny wyprodukowany przez producenta urządzenia</t>
  </si>
  <si>
    <t>13.</t>
  </si>
  <si>
    <t>SP-311HE - toner o zwiększonej pojemności czarny do drukarki Ricoh SP311dn - wydajność przy pokryciu 5% 3500 kopii - produkt oryginalny</t>
  </si>
  <si>
    <t>14.</t>
  </si>
  <si>
    <t>T650A11E - toner do drukarki Lexmark T650dn - wydajność przy pokryciu 5% 7000 kopii - produkt oryginalny</t>
  </si>
  <si>
    <t>15.</t>
  </si>
  <si>
    <t>Taśmy barwiące do drukarki igłowej OKI 3320 - 9-igłowa - produkt oryginalny</t>
  </si>
  <si>
    <t>16.</t>
  </si>
  <si>
    <t>TN-3480 Czarny - toner o zwiększonej wydajności do drukarki Brother HL-L6300DW - wydajność przy pokryciu 5% 8000 kopii - produkt oryginalny</t>
  </si>
  <si>
    <t>17.</t>
  </si>
  <si>
    <t>Toner do urządzenia Sharp MX-B450GT (MXB450GT) (produkt oryginalny) wydajność ok. 30 000 stron A4 przy 5% pokryciu</t>
  </si>
  <si>
    <t>18.</t>
  </si>
  <si>
    <t>Toner Ricoh MP C2503H - czarny - produkt oryginalny wydajność ok. 15 000 stron A4 przy 5% pokryciu</t>
  </si>
  <si>
    <t>19.</t>
  </si>
  <si>
    <t>Toner Ricoh MP C2503H - yellow - produkt oryginalny ok. 9 500 stron A4 przy 5% pokryciu</t>
  </si>
  <si>
    <t>20.</t>
  </si>
  <si>
    <t>21.</t>
  </si>
  <si>
    <t>Toner do drukarki Ricoh MP 2501 sp - produkt oryginalny wydajność ok. 9.000 stron A4 przy 5% pokryciu</t>
  </si>
  <si>
    <t>Toner Ricoh MP 2014H - black - produkt oryginalny ok. 12 000 stron A4 przy 5% pokryci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sz val="10"/>
      <color theme="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12">
    <xf numFmtId="0" fontId="0" fillId="0" borderId="0" xfId="0"/>
    <xf numFmtId="0" fontId="1" fillId="0" borderId="1" xfId="0" applyFont="1" applyBorder="1" applyAlignment="1">
      <alignment horizontal="center" vertical="center" wrapText="1"/>
    </xf>
    <xf numFmtId="0" fontId="0" fillId="2" borderId="1" xfId="0" applyFill="1" applyBorder="1" applyAlignment="1">
      <alignment horizontal="center" vertical="center"/>
    </xf>
    <xf numFmtId="0" fontId="0" fillId="2" borderId="1" xfId="0" applyFill="1" applyBorder="1" applyAlignment="1">
      <alignment wrapText="1"/>
    </xf>
    <xf numFmtId="0" fontId="0" fillId="2" borderId="1" xfId="0" applyFill="1" applyBorder="1" applyAlignment="1">
      <alignment horizontal="center"/>
    </xf>
    <xf numFmtId="0" fontId="0" fillId="2" borderId="0" xfId="0" applyFill="1"/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wrapText="1"/>
    </xf>
    <xf numFmtId="0" fontId="0" fillId="0" borderId="1" xfId="0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0" xfId="0" applyAlignment="1">
      <alignment horizontal="center"/>
    </xf>
    <xf numFmtId="0" fontId="2" fillId="0" borderId="0" xfId="0" applyFont="1" applyAlignment="1">
      <alignment horizontal="left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6EA516C-E1B3-431A-829B-54C4DECCFEA1}">
  <sheetPr>
    <pageSetUpPr fitToPage="1"/>
  </sheetPr>
  <dimension ref="A1:C23"/>
  <sheetViews>
    <sheetView tabSelected="1" zoomScaleNormal="100" zoomScaleSheetLayoutView="100" workbookViewId="0">
      <selection activeCell="C23" sqref="A1:C23"/>
    </sheetView>
  </sheetViews>
  <sheetFormatPr defaultRowHeight="14.5" x14ac:dyDescent="0.35"/>
  <cols>
    <col min="1" max="1" width="6.1796875" customWidth="1"/>
    <col min="2" max="2" width="62.1796875" customWidth="1"/>
    <col min="3" max="3" width="9.54296875" style="10" customWidth="1"/>
  </cols>
  <sheetData>
    <row r="1" spans="1:3" x14ac:dyDescent="0.35">
      <c r="A1" s="11" t="s">
        <v>0</v>
      </c>
      <c r="B1" s="11"/>
      <c r="C1" s="11"/>
    </row>
    <row r="2" spans="1:3" ht="29" x14ac:dyDescent="0.35">
      <c r="A2" s="1" t="s">
        <v>1</v>
      </c>
      <c r="B2" s="1" t="s">
        <v>2</v>
      </c>
      <c r="C2" s="1" t="s">
        <v>3</v>
      </c>
    </row>
    <row r="3" spans="1:3" s="5" customFormat="1" ht="29" x14ac:dyDescent="0.35">
      <c r="A3" s="2" t="s">
        <v>4</v>
      </c>
      <c r="B3" s="3" t="s">
        <v>5</v>
      </c>
      <c r="C3" s="4">
        <v>5</v>
      </c>
    </row>
    <row r="4" spans="1:3" ht="29" x14ac:dyDescent="0.35">
      <c r="A4" s="6" t="s">
        <v>6</v>
      </c>
      <c r="B4" s="7" t="s">
        <v>7</v>
      </c>
      <c r="C4" s="8">
        <v>3</v>
      </c>
    </row>
    <row r="5" spans="1:3" s="5" customFormat="1" ht="29" x14ac:dyDescent="0.35">
      <c r="A5" s="2" t="s">
        <v>8</v>
      </c>
      <c r="B5" s="3" t="s">
        <v>9</v>
      </c>
      <c r="C5" s="4">
        <v>5</v>
      </c>
    </row>
    <row r="6" spans="1:3" ht="29" x14ac:dyDescent="0.35">
      <c r="A6" s="6" t="s">
        <v>10</v>
      </c>
      <c r="B6" s="7" t="s">
        <v>11</v>
      </c>
      <c r="C6" s="8">
        <v>5</v>
      </c>
    </row>
    <row r="7" spans="1:3" ht="29" x14ac:dyDescent="0.35">
      <c r="A7" s="2" t="s">
        <v>12</v>
      </c>
      <c r="B7" s="7" t="s">
        <v>13</v>
      </c>
      <c r="C7" s="8">
        <v>45</v>
      </c>
    </row>
    <row r="8" spans="1:3" ht="29" x14ac:dyDescent="0.35">
      <c r="A8" s="6" t="s">
        <v>14</v>
      </c>
      <c r="B8" s="7" t="s">
        <v>15</v>
      </c>
      <c r="C8" s="8">
        <v>1</v>
      </c>
    </row>
    <row r="9" spans="1:3" ht="29" x14ac:dyDescent="0.35">
      <c r="A9" s="2" t="s">
        <v>16</v>
      </c>
      <c r="B9" s="7" t="s">
        <v>17</v>
      </c>
      <c r="C9" s="8">
        <v>1</v>
      </c>
    </row>
    <row r="10" spans="1:3" ht="29" x14ac:dyDescent="0.35">
      <c r="A10" s="6" t="s">
        <v>18</v>
      </c>
      <c r="B10" s="7" t="s">
        <v>19</v>
      </c>
      <c r="C10" s="8">
        <v>1</v>
      </c>
    </row>
    <row r="11" spans="1:3" ht="29" x14ac:dyDescent="0.35">
      <c r="A11" s="2" t="s">
        <v>20</v>
      </c>
      <c r="B11" s="7" t="s">
        <v>21</v>
      </c>
      <c r="C11" s="8">
        <v>1</v>
      </c>
    </row>
    <row r="12" spans="1:3" ht="29" x14ac:dyDescent="0.35">
      <c r="A12" s="6" t="s">
        <v>22</v>
      </c>
      <c r="B12" s="7" t="s">
        <v>23</v>
      </c>
      <c r="C12" s="8">
        <v>1</v>
      </c>
    </row>
    <row r="13" spans="1:3" ht="29" x14ac:dyDescent="0.35">
      <c r="A13" s="2" t="s">
        <v>24</v>
      </c>
      <c r="B13" s="7" t="s">
        <v>25</v>
      </c>
      <c r="C13" s="8">
        <v>10</v>
      </c>
    </row>
    <row r="14" spans="1:3" ht="27.75" customHeight="1" x14ac:dyDescent="0.35">
      <c r="A14" s="6" t="s">
        <v>26</v>
      </c>
      <c r="B14" s="7" t="s">
        <v>27</v>
      </c>
      <c r="C14" s="8">
        <v>5</v>
      </c>
    </row>
    <row r="15" spans="1:3" ht="29" x14ac:dyDescent="0.35">
      <c r="A15" s="2" t="s">
        <v>28</v>
      </c>
      <c r="B15" s="7" t="s">
        <v>29</v>
      </c>
      <c r="C15" s="8">
        <v>5</v>
      </c>
    </row>
    <row r="16" spans="1:3" ht="29" x14ac:dyDescent="0.35">
      <c r="A16" s="6" t="s">
        <v>30</v>
      </c>
      <c r="B16" s="7" t="s">
        <v>31</v>
      </c>
      <c r="C16" s="8">
        <v>3</v>
      </c>
    </row>
    <row r="17" spans="1:3" ht="29" x14ac:dyDescent="0.35">
      <c r="A17" s="2" t="s">
        <v>32</v>
      </c>
      <c r="B17" s="7" t="s">
        <v>33</v>
      </c>
      <c r="C17" s="8">
        <v>20</v>
      </c>
    </row>
    <row r="18" spans="1:3" ht="29" x14ac:dyDescent="0.35">
      <c r="A18" s="6" t="s">
        <v>34</v>
      </c>
      <c r="B18" s="7" t="s">
        <v>35</v>
      </c>
      <c r="C18" s="8">
        <v>10</v>
      </c>
    </row>
    <row r="19" spans="1:3" ht="29" x14ac:dyDescent="0.35">
      <c r="A19" s="2" t="s">
        <v>36</v>
      </c>
      <c r="B19" s="7" t="s">
        <v>37</v>
      </c>
      <c r="C19" s="8">
        <v>15</v>
      </c>
    </row>
    <row r="20" spans="1:3" ht="29" x14ac:dyDescent="0.35">
      <c r="A20" s="6" t="s">
        <v>38</v>
      </c>
      <c r="B20" s="7" t="s">
        <v>39</v>
      </c>
      <c r="C20" s="8">
        <v>5</v>
      </c>
    </row>
    <row r="21" spans="1:3" ht="29" x14ac:dyDescent="0.35">
      <c r="A21" s="2" t="s">
        <v>40</v>
      </c>
      <c r="B21" s="7" t="s">
        <v>41</v>
      </c>
      <c r="C21" s="9">
        <v>2</v>
      </c>
    </row>
    <row r="22" spans="1:3" ht="29" x14ac:dyDescent="0.35">
      <c r="A22" s="6" t="s">
        <v>42</v>
      </c>
      <c r="B22" s="7" t="s">
        <v>45</v>
      </c>
      <c r="C22" s="8">
        <v>15</v>
      </c>
    </row>
    <row r="23" spans="1:3" ht="29" x14ac:dyDescent="0.35">
      <c r="A23" s="2" t="s">
        <v>43</v>
      </c>
      <c r="B23" s="7" t="s">
        <v>44</v>
      </c>
      <c r="C23" s="6">
        <v>5</v>
      </c>
    </row>
  </sheetData>
  <mergeCells count="1">
    <mergeCell ref="A1:C1"/>
  </mergeCells>
  <pageMargins left="0.7" right="0.7" top="0.75" bottom="0.75" header="0.3" footer="0.3"/>
  <pageSetup paperSize="9" orientation="portrait" horizontalDpi="203" verticalDpi="203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maj2024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anna Niedziela</dc:creator>
  <cp:lastModifiedBy>Hanna Siuta</cp:lastModifiedBy>
  <cp:lastPrinted>2024-06-06T08:15:18Z</cp:lastPrinted>
  <dcterms:created xsi:type="dcterms:W3CDTF">2024-05-23T06:49:34Z</dcterms:created>
  <dcterms:modified xsi:type="dcterms:W3CDTF">2024-06-06T08:15:39Z</dcterms:modified>
</cp:coreProperties>
</file>